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28_多様な働き方導入\01_事業運営\ココロ\20251110_HP公開\マニュアル\"/>
    </mc:Choice>
  </mc:AlternateContent>
  <xr:revisionPtr revIDLastSave="0" documentId="13_ncr:1_{3CCE4DBA-322B-42AF-93EC-6FEBAAA49244}" xr6:coauthVersionLast="47" xr6:coauthVersionMax="47" xr10:uidLastSave="{00000000-0000-0000-0000-000000000000}"/>
  <bookViews>
    <workbookView xWindow="468" yWindow="0" windowWidth="18432" windowHeight="12240" activeTab="1" xr2:uid="{FB0A170A-9FA6-1F47-A37C-F54398FE02AC}"/>
  </bookViews>
  <sheets>
    <sheet name="【記入例】会議の種類" sheetId="2" r:id="rId1"/>
    <sheet name="【ご自由にご使用ください】会議の種類 " sheetId="15" r:id="rId2"/>
  </sheets>
  <definedNames>
    <definedName name="_xlnm.Print_Area" localSheetId="1">'【ご自由にご使用ください】会議の種類 '!$A$1:$U$32</definedName>
    <definedName name="_xlnm.Print_Area" localSheetId="0">【記入例】会議の種類!$A$1:$U$32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9" uniqueCount="53">
  <si>
    <t>■</t>
    <phoneticPr fontId="1"/>
  </si>
  <si>
    <t>目的</t>
    <rPh sb="0" eb="2">
      <t xml:space="preserve">モクテキ </t>
    </rPh>
    <phoneticPr fontId="1"/>
  </si>
  <si>
    <t>①</t>
    <phoneticPr fontId="1"/>
  </si>
  <si>
    <t>②</t>
    <phoneticPr fontId="1"/>
  </si>
  <si>
    <t>・</t>
    <phoneticPr fontId="1"/>
  </si>
  <si>
    <t>対象</t>
    <rPh sb="0" eb="2">
      <t xml:space="preserve">タイショウシャ </t>
    </rPh>
    <phoneticPr fontId="1"/>
  </si>
  <si>
    <t>会議は、業務の情報共有や相談、今後の対応を確認し合う場です。</t>
  </si>
  <si>
    <t>利用者様へのよりよい支援や、職場の改善にみんなで取り組むことを目的としています。</t>
  </si>
  <si>
    <t>全職員</t>
    <rPh sb="0" eb="3">
      <t xml:space="preserve">ゼンショクイン </t>
    </rPh>
    <phoneticPr fontId="1"/>
  </si>
  <si>
    <t>会議の種類</t>
    <rPh sb="0" eb="2">
      <t>カイギノシュル</t>
    </rPh>
    <phoneticPr fontId="1"/>
  </si>
  <si>
    <t>全体会議（職員会議）</t>
    <rPh sb="0" eb="4">
      <t xml:space="preserve">ゼンタイカイギ </t>
    </rPh>
    <rPh sb="5" eb="9">
      <t xml:space="preserve">ショクインカイギ </t>
    </rPh>
    <phoneticPr fontId="1"/>
  </si>
  <si>
    <t>組織全体の報告・方針共有・研修等</t>
  </si>
  <si>
    <t>毎月第１水曜</t>
    <rPh sb="0" eb="2">
      <t xml:space="preserve">マイツキ </t>
    </rPh>
    <rPh sb="2" eb="3">
      <t xml:space="preserve">ダイ１ </t>
    </rPh>
    <rPh sb="4" eb="6">
      <t xml:space="preserve">スイヨウ </t>
    </rPh>
    <phoneticPr fontId="1"/>
  </si>
  <si>
    <t>全職員</t>
  </si>
  <si>
    <t>リーダー会議</t>
    <phoneticPr fontId="1"/>
  </si>
  <si>
    <t>各部署・ユニットの課題共有と連携</t>
    <phoneticPr fontId="1"/>
  </si>
  <si>
    <t>毎月第３木曜</t>
    <rPh sb="0" eb="2">
      <t xml:space="preserve">マイツキ </t>
    </rPh>
    <rPh sb="2" eb="3">
      <t xml:space="preserve">ダイサン </t>
    </rPh>
    <rPh sb="4" eb="6">
      <t xml:space="preserve">モクヨウ </t>
    </rPh>
    <phoneticPr fontId="1"/>
  </si>
  <si>
    <t>管理者・リーダー</t>
    <rPh sb="0" eb="3">
      <t xml:space="preserve">カンリシャ </t>
    </rPh>
    <phoneticPr fontId="1"/>
  </si>
  <si>
    <t>チーム会議（部署会議）</t>
    <rPh sb="6" eb="8">
      <t xml:space="preserve">ブショ </t>
    </rPh>
    <rPh sb="8" eb="10">
      <t xml:space="preserve">カイギ </t>
    </rPh>
    <phoneticPr fontId="1"/>
  </si>
  <si>
    <t>利用者対応・業務改善の共有</t>
    <phoneticPr fontId="1"/>
  </si>
  <si>
    <t>毎週月曜</t>
    <rPh sb="0" eb="2">
      <t xml:space="preserve">マイシュウ </t>
    </rPh>
    <rPh sb="2" eb="4">
      <t xml:space="preserve">ゲツヨウ </t>
    </rPh>
    <phoneticPr fontId="1"/>
  </si>
  <si>
    <t>各チーム職員</t>
    <rPh sb="0" eb="1">
      <t xml:space="preserve">カクチーム </t>
    </rPh>
    <rPh sb="4" eb="6">
      <t xml:space="preserve">ショクイン </t>
    </rPh>
    <phoneticPr fontId="1"/>
  </si>
  <si>
    <t>ケース会議</t>
    <phoneticPr fontId="1"/>
  </si>
  <si>
    <t>利用者個別支援に関する検討</t>
  </si>
  <si>
    <t>随時</t>
    <rPh sb="0" eb="2">
      <t xml:space="preserve">ズイジ </t>
    </rPh>
    <phoneticPr fontId="1"/>
  </si>
  <si>
    <t>関係職種</t>
    <rPh sb="0" eb="4">
      <t xml:space="preserve">カンケイショクシュ </t>
    </rPh>
    <phoneticPr fontId="1"/>
  </si>
  <si>
    <t>安全・衛生委員会</t>
    <rPh sb="0" eb="2">
      <t xml:space="preserve">アンゼン </t>
    </rPh>
    <rPh sb="3" eb="8">
      <t xml:space="preserve">エイセイイインカイ </t>
    </rPh>
    <phoneticPr fontId="1"/>
  </si>
  <si>
    <t>職場の安全管理・感染対策等</t>
  </si>
  <si>
    <t>毎月最終週の火曜</t>
    <rPh sb="0" eb="2">
      <t xml:space="preserve">マイツキ </t>
    </rPh>
    <rPh sb="2" eb="5">
      <t xml:space="preserve">サイシュウシュウ </t>
    </rPh>
    <rPh sb="6" eb="8">
      <t xml:space="preserve">カヨウ </t>
    </rPh>
    <phoneticPr fontId="1"/>
  </si>
  <si>
    <t>担当・責任者</t>
    <rPh sb="0" eb="2">
      <t xml:space="preserve">タントウ </t>
    </rPh>
    <rPh sb="3" eb="6">
      <t xml:space="preserve">セキニンシャ </t>
    </rPh>
    <phoneticPr fontId="1"/>
  </si>
  <si>
    <t>苦情・自己検討会</t>
    <rPh sb="0" eb="2">
      <t xml:space="preserve">クジョウ </t>
    </rPh>
    <rPh sb="3" eb="8">
      <t xml:space="preserve">ジコケントウカイ </t>
    </rPh>
    <phoneticPr fontId="1"/>
  </si>
  <si>
    <t>重大事案の振り返りと再発防止</t>
  </si>
  <si>
    <t>関係職員</t>
    <rPh sb="0" eb="4">
      <t xml:space="preserve">カンケイショクイン </t>
    </rPh>
    <phoneticPr fontId="1"/>
  </si>
  <si>
    <t>③会議名</t>
    <rPh sb="1" eb="2">
      <t xml:space="preserve">カイギメイ </t>
    </rPh>
    <phoneticPr fontId="1"/>
  </si>
  <si>
    <t>➃目的・主な内容</t>
    <phoneticPr fontId="1"/>
  </si>
  <si>
    <t>⑤開催頻度</t>
    <rPh sb="1" eb="5">
      <t xml:space="preserve">カイサイヒンド </t>
    </rPh>
    <phoneticPr fontId="1"/>
  </si>
  <si>
    <t>⑥参加者</t>
    <rPh sb="1" eb="3">
      <t xml:space="preserve">サンカタイショウ </t>
    </rPh>
    <rPh sb="3" eb="4">
      <t xml:space="preserve">シャ </t>
    </rPh>
    <phoneticPr fontId="1"/>
  </si>
  <si>
    <t>会議の目的とゴールを明確に</t>
  </si>
  <si>
    <t>発言しやすい雰囲気づくり</t>
  </si>
  <si>
    <t>話がそれないように進行を工夫</t>
  </si>
  <si>
    <t>時間を守る</t>
  </si>
  <si>
    <t>会議ごとに役割分担をする（司会進行／書記／タイムキーパー／担当者／参加者）</t>
    <rPh sb="0" eb="2">
      <t xml:space="preserve">カイギゴトニ </t>
    </rPh>
    <rPh sb="5" eb="7">
      <t xml:space="preserve">ヤクワリヲ </t>
    </rPh>
    <rPh sb="7" eb="9">
      <t xml:space="preserve">ブンタンヲ </t>
    </rPh>
    <rPh sb="13" eb="15">
      <t xml:space="preserve">シカイ </t>
    </rPh>
    <rPh sb="15" eb="17">
      <t xml:space="preserve">シンコウ </t>
    </rPh>
    <rPh sb="18" eb="20">
      <t xml:space="preserve">ショキ </t>
    </rPh>
    <rPh sb="29" eb="32">
      <t xml:space="preserve">タントウシャ </t>
    </rPh>
    <rPh sb="33" eb="36">
      <t xml:space="preserve">サンカシャ </t>
    </rPh>
    <phoneticPr fontId="1"/>
  </si>
  <si>
    <t>会議後に、議事録として決定事項・役割分担を共有する</t>
    <rPh sb="5" eb="8">
      <t xml:space="preserve">ギジロク </t>
    </rPh>
    <phoneticPr fontId="1"/>
  </si>
  <si>
    <t>⑦</t>
    <phoneticPr fontId="1"/>
  </si>
  <si>
    <t>会議１</t>
    <rPh sb="0" eb="1">
      <t xml:space="preserve">カイギ１ </t>
    </rPh>
    <phoneticPr fontId="1"/>
  </si>
  <si>
    <t>会議２</t>
    <rPh sb="0" eb="2">
      <t xml:space="preserve">カイギ </t>
    </rPh>
    <phoneticPr fontId="1"/>
  </si>
  <si>
    <t>会議３</t>
    <rPh sb="0" eb="1">
      <t xml:space="preserve">カイギ１ </t>
    </rPh>
    <phoneticPr fontId="1"/>
  </si>
  <si>
    <t>会議４</t>
    <rPh sb="0" eb="2">
      <t xml:space="preserve">カイギ </t>
    </rPh>
    <phoneticPr fontId="1"/>
  </si>
  <si>
    <t>会議５</t>
    <rPh sb="0" eb="1">
      <t xml:space="preserve">カイギ１ </t>
    </rPh>
    <phoneticPr fontId="1"/>
  </si>
  <si>
    <t>会議６</t>
    <rPh sb="0" eb="2">
      <t xml:space="preserve">カイギ </t>
    </rPh>
    <phoneticPr fontId="1"/>
  </si>
  <si>
    <r>
      <rPr>
        <sz val="15"/>
        <color theme="1"/>
        <rFont val="メイリオ"/>
        <family val="2"/>
        <charset val="128"/>
      </rPr>
      <t>ー</t>
    </r>
    <r>
      <rPr>
        <b/>
        <sz val="15"/>
        <color theme="1"/>
        <rFont val="メイリオ"/>
        <family val="2"/>
        <charset val="128"/>
      </rPr>
      <t>会議の種類</t>
    </r>
    <r>
      <rPr>
        <sz val="15"/>
        <color theme="1"/>
        <rFont val="メイリオ"/>
        <family val="2"/>
        <charset val="128"/>
      </rPr>
      <t>ー</t>
    </r>
    <rPh sb="1" eb="4">
      <t xml:space="preserve">ケンシュウカイサイ </t>
    </rPh>
    <rPh sb="4" eb="6">
      <t xml:space="preserve">シュルイ </t>
    </rPh>
    <phoneticPr fontId="1"/>
  </si>
  <si>
    <t>運営・開催のルール</t>
    <rPh sb="0" eb="2">
      <t xml:space="preserve">ウンエイ </t>
    </rPh>
    <phoneticPr fontId="1"/>
  </si>
  <si>
    <t>コミュニケーション について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2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メイリオ"/>
      <family val="2"/>
      <charset val="128"/>
    </font>
    <font>
      <b/>
      <sz val="12"/>
      <color theme="1"/>
      <name val="メイリオ"/>
      <family val="2"/>
      <charset val="128"/>
    </font>
    <font>
      <b/>
      <sz val="14"/>
      <color theme="3" tint="0.499984740745262"/>
      <name val="メイリオ"/>
      <family val="2"/>
      <charset val="128"/>
    </font>
    <font>
      <b/>
      <sz val="15"/>
      <color theme="1"/>
      <name val="メイリオ"/>
      <family val="2"/>
      <charset val="128"/>
    </font>
    <font>
      <sz val="15"/>
      <color theme="1"/>
      <name val="メイリオ"/>
      <family val="2"/>
      <charset val="128"/>
    </font>
    <font>
      <sz val="10"/>
      <color theme="1"/>
      <name val="メイリオ"/>
      <family val="2"/>
      <charset val="128"/>
    </font>
    <font>
      <b/>
      <sz val="10"/>
      <color theme="1"/>
      <name val="メイリオ"/>
      <family val="2"/>
      <charset val="128"/>
    </font>
    <font>
      <b/>
      <sz val="12"/>
      <color theme="0"/>
      <name val="游ゴシック"/>
      <family val="2"/>
      <charset val="128"/>
      <scheme val="minor"/>
    </font>
    <font>
      <b/>
      <sz val="11"/>
      <color theme="0"/>
      <name val="メイリオ"/>
      <family val="2"/>
      <charset val="128"/>
    </font>
    <font>
      <sz val="12"/>
      <color theme="1"/>
      <name val="メイリオ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3" tint="0.89999084444715716"/>
        <bgColor indexed="64"/>
      </patternFill>
    </fill>
    <fill>
      <patternFill patternType="solid">
        <fgColor theme="3" tint="0.499984740745262"/>
        <bgColor indexed="64"/>
      </patternFill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uble">
        <color auto="1"/>
      </bottom>
      <diagonal/>
    </border>
  </borders>
  <cellStyleXfs count="1">
    <xf numFmtId="0" fontId="0" fillId="0" borderId="0">
      <alignment vertical="center"/>
    </xf>
  </cellStyleXfs>
  <cellXfs count="13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11" fillId="0" borderId="0" xfId="0" applyFont="1">
      <alignment vertical="center"/>
    </xf>
    <xf numFmtId="0" fontId="5" fillId="2" borderId="2" xfId="0" applyFont="1" applyFill="1" applyBorder="1" applyAlignment="1">
      <alignment horizontal="center" vertical="center"/>
    </xf>
    <xf numFmtId="0" fontId="2" fillId="0" borderId="1" xfId="0" applyFont="1" applyBorder="1" applyAlignment="1">
      <alignment horizontal="left" vertical="center" wrapText="1"/>
    </xf>
    <xf numFmtId="0" fontId="0" fillId="0" borderId="1" xfId="0" applyBorder="1" applyAlignment="1">
      <alignment horizontal="left" vertical="center" wrapText="1"/>
    </xf>
    <xf numFmtId="0" fontId="10" fillId="3" borderId="1" xfId="0" applyFont="1" applyFill="1" applyBorder="1" applyAlignment="1">
      <alignment horizontal="left" vertical="center" wrapText="1"/>
    </xf>
    <xf numFmtId="0" fontId="9" fillId="3" borderId="1" xfId="0" applyFont="1" applyFill="1" applyBorder="1" applyAlignment="1">
      <alignment horizontal="left" vertical="center" wrapText="1"/>
    </xf>
    <xf numFmtId="0" fontId="7" fillId="2" borderId="0" xfId="0" applyFont="1" applyFill="1" applyAlignment="1">
      <alignment horizontal="center" vertical="center"/>
    </xf>
    <xf numFmtId="0" fontId="8" fillId="2" borderId="0" xfId="0" applyFont="1" applyFill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19051</xdr:colOff>
      <xdr:row>2</xdr:row>
      <xdr:rowOff>223486</xdr:rowOff>
    </xdr:from>
    <xdr:to>
      <xdr:col>36</xdr:col>
      <xdr:colOff>266964</xdr:colOff>
      <xdr:row>25</xdr:row>
      <xdr:rowOff>38100</xdr:rowOff>
    </xdr:to>
    <xdr:sp macro="" textlink="">
      <xdr:nvSpPr>
        <xdr:cNvPr id="2" name="吹き出し: 線 2">
          <a:extLst>
            <a:ext uri="{FF2B5EF4-FFF2-40B4-BE49-F238E27FC236}">
              <a16:creationId xmlns:a16="http://schemas.microsoft.com/office/drawing/2014/main" id="{AFF18C5A-B518-6643-AAB9-4BA5AD1464E5}"/>
            </a:ext>
          </a:extLst>
        </xdr:cNvPr>
        <xdr:cNvSpPr/>
      </xdr:nvSpPr>
      <xdr:spPr>
        <a:xfrm>
          <a:off x="7283451" y="794986"/>
          <a:ext cx="4870713" cy="6240814"/>
        </a:xfrm>
        <a:prstGeom prst="borderCallout1">
          <a:avLst>
            <a:gd name="adj1" fmla="val 55416"/>
            <a:gd name="adj2" fmla="val 161"/>
            <a:gd name="adj3" fmla="val 133021"/>
            <a:gd name="adj4" fmla="val -6919"/>
          </a:avLst>
        </a:prstGeom>
        <a:solidFill>
          <a:srgbClr val="FFFF99"/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①目的</a:t>
          </a:r>
          <a:endParaRPr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マニュアルを実行する目的をご記入ください。</a:t>
          </a:r>
          <a:endParaRPr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②対象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マニュアルの対象となる職種や範囲をご記入ください。</a:t>
          </a:r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（例：全職員／介護職員／〇△事業所の職員／正規職員など）</a:t>
          </a:r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③会議名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主に定例開催となる会議の名称をご記入ください。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en-US" altLang="ja-JP" sz="1100">
            <a:solidFill>
              <a:schemeClr val="tx1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1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④目的・主な内容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各会議の開催目的や内容をご記入ください。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ja-JP" altLang="en-US" sz="1100" b="0">
            <a:solidFill>
              <a:schemeClr val="tx1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1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⑤開催頻度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各会議の開催頻度をご記入ください。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ja-JP" altLang="en-US" sz="1100" b="0">
            <a:solidFill>
              <a:schemeClr val="tx1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1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⑥参加者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各会議の参加予定者をご記入ください。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ja-JP" altLang="en-US" sz="1100" b="0">
            <a:solidFill>
              <a:schemeClr val="tx1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1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⑦運営・開催のルール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会議運営のルールや注意点をご記入ください。</a:t>
          </a:r>
        </a:p>
      </xdr:txBody>
    </xdr:sp>
    <xdr:clientData/>
  </xdr:twoCellAnchor>
  <xdr:twoCellAnchor>
    <xdr:from>
      <xdr:col>22</xdr:col>
      <xdr:colOff>47626</xdr:colOff>
      <xdr:row>0</xdr:row>
      <xdr:rowOff>0</xdr:rowOff>
    </xdr:from>
    <xdr:to>
      <xdr:col>36</xdr:col>
      <xdr:colOff>266964</xdr:colOff>
      <xdr:row>2</xdr:row>
      <xdr:rowOff>124797</xdr:rowOff>
    </xdr:to>
    <xdr:sp macro="" textlink="">
      <xdr:nvSpPr>
        <xdr:cNvPr id="3" name="吹き出し: 線 10">
          <a:extLst>
            <a:ext uri="{FF2B5EF4-FFF2-40B4-BE49-F238E27FC236}">
              <a16:creationId xmlns:a16="http://schemas.microsoft.com/office/drawing/2014/main" id="{C0775581-EAD9-2E4B-9084-FE02A70B3A18}"/>
            </a:ext>
          </a:extLst>
        </xdr:cNvPr>
        <xdr:cNvSpPr/>
      </xdr:nvSpPr>
      <xdr:spPr>
        <a:xfrm>
          <a:off x="7312026" y="0"/>
          <a:ext cx="4842138" cy="696297"/>
        </a:xfrm>
        <a:prstGeom prst="borderCallout1">
          <a:avLst>
            <a:gd name="adj1" fmla="val 55416"/>
            <a:gd name="adj2" fmla="val 161"/>
            <a:gd name="adj3" fmla="val 72870"/>
            <a:gd name="adj4" fmla="val -8697"/>
          </a:avLst>
        </a:prstGeom>
        <a:solidFill>
          <a:schemeClr val="tx2">
            <a:lumMod val="10000"/>
            <a:lumOff val="90000"/>
          </a:schemeClr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左記の内容は一例です。</a:t>
          </a:r>
          <a:endParaRPr lang="en-US" altLang="ja-JP" sz="1100" b="1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実際の勤務実態に合わせて、修正・追記してご活用ください。</a:t>
          </a:r>
          <a:endParaRPr kumimoji="1" lang="ja-JP" altLang="en-US" sz="1100" b="1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17</xdr:col>
      <xdr:colOff>266700</xdr:colOff>
      <xdr:row>3</xdr:row>
      <xdr:rowOff>203200</xdr:rowOff>
    </xdr:from>
    <xdr:to>
      <xdr:col>22</xdr:col>
      <xdr:colOff>12700</xdr:colOff>
      <xdr:row>4</xdr:row>
      <xdr:rowOff>50800</xdr:rowOff>
    </xdr:to>
    <xdr:cxnSp macro="">
      <xdr:nvCxnSpPr>
        <xdr:cNvPr id="4" name="直線矢印コネクタ 3">
          <a:extLst>
            <a:ext uri="{FF2B5EF4-FFF2-40B4-BE49-F238E27FC236}">
              <a16:creationId xmlns:a16="http://schemas.microsoft.com/office/drawing/2014/main" id="{F4317160-1CFE-DF4C-ACF9-A78D001D8297}"/>
            </a:ext>
          </a:extLst>
        </xdr:cNvPr>
        <xdr:cNvCxnSpPr/>
      </xdr:nvCxnSpPr>
      <xdr:spPr>
        <a:xfrm flipH="1">
          <a:off x="5880100" y="1028700"/>
          <a:ext cx="1397000" cy="1397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6</xdr:col>
      <xdr:colOff>38100</xdr:colOff>
      <xdr:row>7</xdr:row>
      <xdr:rowOff>0</xdr:rowOff>
    </xdr:from>
    <xdr:to>
      <xdr:col>22</xdr:col>
      <xdr:colOff>25400</xdr:colOff>
      <xdr:row>7</xdr:row>
      <xdr:rowOff>165100</xdr:rowOff>
    </xdr:to>
    <xdr:cxnSp macro="">
      <xdr:nvCxnSpPr>
        <xdr:cNvPr id="6" name="直線矢印コネクタ 5">
          <a:extLst>
            <a:ext uri="{FF2B5EF4-FFF2-40B4-BE49-F238E27FC236}">
              <a16:creationId xmlns:a16="http://schemas.microsoft.com/office/drawing/2014/main" id="{D6D34517-9DFF-964D-92A6-F510C24A7F87}"/>
            </a:ext>
          </a:extLst>
        </xdr:cNvPr>
        <xdr:cNvCxnSpPr/>
      </xdr:nvCxnSpPr>
      <xdr:spPr>
        <a:xfrm flipH="1">
          <a:off x="2019300" y="1841500"/>
          <a:ext cx="5270500" cy="1651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22</xdr:col>
      <xdr:colOff>12700</xdr:colOff>
      <xdr:row>25</xdr:row>
      <xdr:rowOff>215900</xdr:rowOff>
    </xdr:from>
    <xdr:to>
      <xdr:col>36</xdr:col>
      <xdr:colOff>269874</xdr:colOff>
      <xdr:row>31</xdr:row>
      <xdr:rowOff>0</xdr:rowOff>
    </xdr:to>
    <xdr:sp macro="" textlink="">
      <xdr:nvSpPr>
        <xdr:cNvPr id="33" name="吹き出し: 線 23">
          <a:extLst>
            <a:ext uri="{FF2B5EF4-FFF2-40B4-BE49-F238E27FC236}">
              <a16:creationId xmlns:a16="http://schemas.microsoft.com/office/drawing/2014/main" id="{04A9291E-606C-7B41-B28E-079D9E25C0D6}"/>
            </a:ext>
          </a:extLst>
        </xdr:cNvPr>
        <xdr:cNvSpPr/>
      </xdr:nvSpPr>
      <xdr:spPr>
        <a:xfrm>
          <a:off x="7277100" y="7213600"/>
          <a:ext cx="4879974" cy="1536700"/>
        </a:xfrm>
        <a:prstGeom prst="borderCallout1">
          <a:avLst>
            <a:gd name="adj1" fmla="val 372"/>
            <a:gd name="adj2" fmla="val 89922"/>
            <a:gd name="adj3" fmla="val -50940"/>
            <a:gd name="adj4" fmla="val 89843"/>
          </a:avLst>
        </a:prstGeom>
        <a:solidFill>
          <a:schemeClr val="tx2">
            <a:lumMod val="10000"/>
            <a:lumOff val="90000"/>
          </a:schemeClr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表の行や列を増やしたい場合</a:t>
          </a:r>
          <a:b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</a:br>
          <a: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追加したい場所を選んで「右クリック → 挿入」で行・列を増やせます。</a:t>
          </a:r>
          <a:endParaRPr lang="en-US" altLang="ja-JP" sz="110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セル内で改行したい場合</a:t>
          </a:r>
          <a:b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</a:br>
          <a:r>
            <a:rPr lang="en-US" altLang="ja-JP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Windows</a:t>
          </a:r>
          <a:r>
            <a:rPr lang="ja-JP" altLang="en-US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の場合は「</a:t>
          </a:r>
          <a:r>
            <a:rPr lang="en-US" altLang="ja-JP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Alt + Enter</a:t>
          </a:r>
          <a:r>
            <a:rPr lang="ja-JP" altLang="en-US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」キーを同時にを押してください。</a:t>
          </a:r>
        </a:p>
        <a:p>
          <a:pPr algn="l"/>
          <a:r>
            <a:rPr lang="en-US" altLang="ja-JP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Mac</a:t>
          </a:r>
          <a:r>
            <a:rPr lang="ja-JP" altLang="en-US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の場合は「</a:t>
          </a:r>
          <a:r>
            <a:rPr lang="en-US" altLang="ja-JP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command + option + return</a:t>
          </a:r>
          <a:r>
            <a:rPr lang="ja-JP" altLang="en-US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」キーを押してください。</a:t>
          </a:r>
          <a:endParaRPr kumimoji="1" lang="ja-JP" altLang="en-US" sz="1100" b="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6</xdr:col>
      <xdr:colOff>114300</xdr:colOff>
      <xdr:row>10</xdr:row>
      <xdr:rowOff>279400</xdr:rowOff>
    </xdr:from>
    <xdr:to>
      <xdr:col>22</xdr:col>
      <xdr:colOff>38100</xdr:colOff>
      <xdr:row>12</xdr:row>
      <xdr:rowOff>152400</xdr:rowOff>
    </xdr:to>
    <xdr:cxnSp macro="">
      <xdr:nvCxnSpPr>
        <xdr:cNvPr id="10" name="直線矢印コネクタ 9">
          <a:extLst>
            <a:ext uri="{FF2B5EF4-FFF2-40B4-BE49-F238E27FC236}">
              <a16:creationId xmlns:a16="http://schemas.microsoft.com/office/drawing/2014/main" id="{A2ED9F5A-986B-2A4D-A12F-58BBA1E6FAC5}"/>
            </a:ext>
          </a:extLst>
        </xdr:cNvPr>
        <xdr:cNvCxnSpPr/>
      </xdr:nvCxnSpPr>
      <xdr:spPr>
        <a:xfrm flipH="1">
          <a:off x="2095500" y="2895600"/>
          <a:ext cx="5207000" cy="4572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1</xdr:col>
      <xdr:colOff>165100</xdr:colOff>
      <xdr:row>13</xdr:row>
      <xdr:rowOff>279400</xdr:rowOff>
    </xdr:from>
    <xdr:to>
      <xdr:col>22</xdr:col>
      <xdr:colOff>25400</xdr:colOff>
      <xdr:row>15</xdr:row>
      <xdr:rowOff>177800</xdr:rowOff>
    </xdr:to>
    <xdr:cxnSp macro="">
      <xdr:nvCxnSpPr>
        <xdr:cNvPr id="13" name="直線矢印コネクタ 12">
          <a:extLst>
            <a:ext uri="{FF2B5EF4-FFF2-40B4-BE49-F238E27FC236}">
              <a16:creationId xmlns:a16="http://schemas.microsoft.com/office/drawing/2014/main" id="{CE5B8D75-6D1D-B949-9ACE-DA1E6409A0A8}"/>
            </a:ext>
          </a:extLst>
        </xdr:cNvPr>
        <xdr:cNvCxnSpPr/>
      </xdr:nvCxnSpPr>
      <xdr:spPr>
        <a:xfrm flipH="1">
          <a:off x="3797300" y="3771900"/>
          <a:ext cx="3492500" cy="4826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15900</xdr:colOff>
      <xdr:row>16</xdr:row>
      <xdr:rowOff>215900</xdr:rowOff>
    </xdr:from>
    <xdr:to>
      <xdr:col>22</xdr:col>
      <xdr:colOff>38100</xdr:colOff>
      <xdr:row>17</xdr:row>
      <xdr:rowOff>139700</xdr:rowOff>
    </xdr:to>
    <xdr:cxnSp macro="">
      <xdr:nvCxnSpPr>
        <xdr:cNvPr id="18" name="直線矢印コネクタ 17">
          <a:extLst>
            <a:ext uri="{FF2B5EF4-FFF2-40B4-BE49-F238E27FC236}">
              <a16:creationId xmlns:a16="http://schemas.microsoft.com/office/drawing/2014/main" id="{C83AB62A-45F8-BA4E-AD33-AEDE796B77C7}"/>
            </a:ext>
          </a:extLst>
        </xdr:cNvPr>
        <xdr:cNvCxnSpPr/>
      </xdr:nvCxnSpPr>
      <xdr:spPr>
        <a:xfrm flipH="1">
          <a:off x="5168900" y="4584700"/>
          <a:ext cx="2133600" cy="2159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7</xdr:col>
      <xdr:colOff>266700</xdr:colOff>
      <xdr:row>19</xdr:row>
      <xdr:rowOff>88900</xdr:rowOff>
    </xdr:from>
    <xdr:to>
      <xdr:col>22</xdr:col>
      <xdr:colOff>38100</xdr:colOff>
      <xdr:row>19</xdr:row>
      <xdr:rowOff>152400</xdr:rowOff>
    </xdr:to>
    <xdr:cxnSp macro="">
      <xdr:nvCxnSpPr>
        <xdr:cNvPr id="20" name="直線矢印コネクタ 19">
          <a:extLst>
            <a:ext uri="{FF2B5EF4-FFF2-40B4-BE49-F238E27FC236}">
              <a16:creationId xmlns:a16="http://schemas.microsoft.com/office/drawing/2014/main" id="{B3EA5CF2-10F2-E942-8FE5-BC6BF2461154}"/>
            </a:ext>
          </a:extLst>
        </xdr:cNvPr>
        <xdr:cNvCxnSpPr/>
      </xdr:nvCxnSpPr>
      <xdr:spPr>
        <a:xfrm flipH="1">
          <a:off x="5880100" y="5334000"/>
          <a:ext cx="1422400" cy="635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7</xdr:col>
      <xdr:colOff>317500</xdr:colOff>
      <xdr:row>22</xdr:row>
      <xdr:rowOff>63500</xdr:rowOff>
    </xdr:from>
    <xdr:to>
      <xdr:col>22</xdr:col>
      <xdr:colOff>50800</xdr:colOff>
      <xdr:row>27</xdr:row>
      <xdr:rowOff>88900</xdr:rowOff>
    </xdr:to>
    <xdr:cxnSp macro="">
      <xdr:nvCxnSpPr>
        <xdr:cNvPr id="22" name="直線矢印コネクタ 21">
          <a:extLst>
            <a:ext uri="{FF2B5EF4-FFF2-40B4-BE49-F238E27FC236}">
              <a16:creationId xmlns:a16="http://schemas.microsoft.com/office/drawing/2014/main" id="{8CD14C67-BF8A-6444-99CA-116AF27C943B}"/>
            </a:ext>
          </a:extLst>
        </xdr:cNvPr>
        <xdr:cNvCxnSpPr/>
      </xdr:nvCxnSpPr>
      <xdr:spPr>
        <a:xfrm flipH="1">
          <a:off x="5930900" y="6184900"/>
          <a:ext cx="1384300" cy="14859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19051</xdr:colOff>
      <xdr:row>2</xdr:row>
      <xdr:rowOff>223486</xdr:rowOff>
    </xdr:from>
    <xdr:to>
      <xdr:col>36</xdr:col>
      <xdr:colOff>266964</xdr:colOff>
      <xdr:row>25</xdr:row>
      <xdr:rowOff>38100</xdr:rowOff>
    </xdr:to>
    <xdr:sp macro="" textlink="">
      <xdr:nvSpPr>
        <xdr:cNvPr id="3" name="吹き出し: 線 2">
          <a:extLst>
            <a:ext uri="{FF2B5EF4-FFF2-40B4-BE49-F238E27FC236}">
              <a16:creationId xmlns:a16="http://schemas.microsoft.com/office/drawing/2014/main" id="{23614819-14F0-E446-BD2F-E029C2A2286D}"/>
            </a:ext>
          </a:extLst>
        </xdr:cNvPr>
        <xdr:cNvSpPr/>
      </xdr:nvSpPr>
      <xdr:spPr>
        <a:xfrm>
          <a:off x="7283451" y="794986"/>
          <a:ext cx="4870713" cy="6240814"/>
        </a:xfrm>
        <a:prstGeom prst="borderCallout1">
          <a:avLst>
            <a:gd name="adj1" fmla="val 55416"/>
            <a:gd name="adj2" fmla="val 161"/>
            <a:gd name="adj3" fmla="val 133021"/>
            <a:gd name="adj4" fmla="val -6919"/>
          </a:avLst>
        </a:prstGeom>
        <a:solidFill>
          <a:srgbClr val="FFFF99"/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①目的</a:t>
          </a:r>
          <a:endParaRPr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マニュアルを実行する目的をご記入ください。</a:t>
          </a:r>
          <a:endParaRPr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②対象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マニュアルの対象となる職種や範囲をご記入ください。</a:t>
          </a:r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（例：全職員／介護職員／〇△事業所の職員／正規職員など）</a:t>
          </a:r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③会議名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主に定例開催となる会議の名称をご記入ください。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en-US" altLang="ja-JP" sz="1100">
            <a:solidFill>
              <a:schemeClr val="tx1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1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④目的・主な内容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各会議の開催目的や内容をご記入ください。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ja-JP" altLang="en-US" sz="1100" b="0">
            <a:solidFill>
              <a:schemeClr val="tx1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1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⑤開催頻度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各会議の開催頻度をご記入ください。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ja-JP" altLang="en-US" sz="1100" b="0">
            <a:solidFill>
              <a:schemeClr val="tx1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1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⑥参加者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各会議の参加予定者をご記入ください。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ja-JP" altLang="en-US" sz="1100" b="0">
            <a:solidFill>
              <a:schemeClr val="tx1"/>
            </a:solidFill>
            <a:effectLst/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1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⑦運営・開催のルール</a:t>
          </a: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b="0">
              <a:solidFill>
                <a:schemeClr val="tx1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</a:rPr>
            <a:t>会議運営のルールや注意点をご記入ください。</a:t>
          </a:r>
        </a:p>
      </xdr:txBody>
    </xdr:sp>
    <xdr:clientData/>
  </xdr:twoCellAnchor>
  <xdr:twoCellAnchor>
    <xdr:from>
      <xdr:col>22</xdr:col>
      <xdr:colOff>47626</xdr:colOff>
      <xdr:row>0</xdr:row>
      <xdr:rowOff>0</xdr:rowOff>
    </xdr:from>
    <xdr:to>
      <xdr:col>36</xdr:col>
      <xdr:colOff>266964</xdr:colOff>
      <xdr:row>2</xdr:row>
      <xdr:rowOff>124797</xdr:rowOff>
    </xdr:to>
    <xdr:sp macro="" textlink="">
      <xdr:nvSpPr>
        <xdr:cNvPr id="4" name="吹き出し: 線 10">
          <a:extLst>
            <a:ext uri="{FF2B5EF4-FFF2-40B4-BE49-F238E27FC236}">
              <a16:creationId xmlns:a16="http://schemas.microsoft.com/office/drawing/2014/main" id="{F08A1D81-3064-9F42-9BDC-DE5F46613406}"/>
            </a:ext>
          </a:extLst>
        </xdr:cNvPr>
        <xdr:cNvSpPr/>
      </xdr:nvSpPr>
      <xdr:spPr>
        <a:xfrm>
          <a:off x="7312026" y="0"/>
          <a:ext cx="4842138" cy="696297"/>
        </a:xfrm>
        <a:prstGeom prst="borderCallout1">
          <a:avLst>
            <a:gd name="adj1" fmla="val 55416"/>
            <a:gd name="adj2" fmla="val 161"/>
            <a:gd name="adj3" fmla="val 72870"/>
            <a:gd name="adj4" fmla="val -8697"/>
          </a:avLst>
        </a:prstGeom>
        <a:solidFill>
          <a:schemeClr val="tx2">
            <a:lumMod val="10000"/>
            <a:lumOff val="90000"/>
          </a:schemeClr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ちらは、自由にご記入いただけるフォーマットです。</a:t>
          </a:r>
        </a:p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記入例を参考にしながら、ご活用ください。</a:t>
          </a:r>
          <a:endParaRPr kumimoji="1" lang="ja-JP" altLang="en-US" sz="1100" b="1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22</xdr:col>
      <xdr:colOff>12700</xdr:colOff>
      <xdr:row>25</xdr:row>
      <xdr:rowOff>215900</xdr:rowOff>
    </xdr:from>
    <xdr:to>
      <xdr:col>36</xdr:col>
      <xdr:colOff>269874</xdr:colOff>
      <xdr:row>31</xdr:row>
      <xdr:rowOff>0</xdr:rowOff>
    </xdr:to>
    <xdr:sp macro="" textlink="">
      <xdr:nvSpPr>
        <xdr:cNvPr id="7" name="吹き出し: 線 23">
          <a:extLst>
            <a:ext uri="{FF2B5EF4-FFF2-40B4-BE49-F238E27FC236}">
              <a16:creationId xmlns:a16="http://schemas.microsoft.com/office/drawing/2014/main" id="{58483BEB-01FD-C744-BCC9-AEBB6C04933D}"/>
            </a:ext>
          </a:extLst>
        </xdr:cNvPr>
        <xdr:cNvSpPr/>
      </xdr:nvSpPr>
      <xdr:spPr>
        <a:xfrm>
          <a:off x="7277100" y="7213600"/>
          <a:ext cx="4879974" cy="1536700"/>
        </a:xfrm>
        <a:prstGeom prst="borderCallout1">
          <a:avLst>
            <a:gd name="adj1" fmla="val 372"/>
            <a:gd name="adj2" fmla="val 89922"/>
            <a:gd name="adj3" fmla="val -50940"/>
            <a:gd name="adj4" fmla="val 89843"/>
          </a:avLst>
        </a:prstGeom>
        <a:solidFill>
          <a:schemeClr val="tx2">
            <a:lumMod val="10000"/>
            <a:lumOff val="90000"/>
          </a:schemeClr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表の行や列を増やしたい場合</a:t>
          </a:r>
          <a:b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</a:br>
          <a: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追加したい場所を選んで「右クリック → 挿入」で行・列を増やせます。</a:t>
          </a:r>
          <a:endParaRPr lang="en-US" altLang="ja-JP" sz="110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セル内で改行したい場合</a:t>
          </a:r>
          <a:b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</a:br>
          <a:r>
            <a:rPr lang="en-US" altLang="ja-JP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Windows</a:t>
          </a:r>
          <a:r>
            <a:rPr lang="ja-JP" altLang="en-US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の場合は「</a:t>
          </a:r>
          <a:r>
            <a:rPr lang="en-US" altLang="ja-JP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Alt + Enter</a:t>
          </a:r>
          <a:r>
            <a:rPr lang="ja-JP" altLang="en-US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」キーを同時にを押してください。</a:t>
          </a:r>
        </a:p>
        <a:p>
          <a:pPr algn="l"/>
          <a:r>
            <a:rPr lang="en-US" altLang="ja-JP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Mac</a:t>
          </a:r>
          <a:r>
            <a:rPr lang="ja-JP" altLang="en-US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の場合は「</a:t>
          </a:r>
          <a:r>
            <a:rPr lang="en-US" altLang="ja-JP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command + option + return</a:t>
          </a:r>
          <a:r>
            <a:rPr lang="ja-JP" altLang="en-US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」キーを押してください。</a:t>
          </a:r>
          <a:endParaRPr kumimoji="1" lang="ja-JP" altLang="en-US" sz="1100" b="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6D7B95-33AD-A044-99DE-CF3B78D708F9}">
  <dimension ref="A1:U32"/>
  <sheetViews>
    <sheetView showGridLines="0" view="pageBreakPreview" zoomScaleNormal="100" workbookViewId="0">
      <selection activeCell="A2" sqref="A2:U2"/>
    </sheetView>
  </sheetViews>
  <sheetFormatPr defaultColWidth="3.7265625" defaultRowHeight="17.399999999999999" x14ac:dyDescent="0.5"/>
  <cols>
    <col min="1" max="16384" width="3.7265625" style="1"/>
  </cols>
  <sheetData>
    <row r="1" spans="1:21" ht="19.05" customHeight="1" x14ac:dyDescent="0.5">
      <c r="A1" s="10" t="s">
        <v>52</v>
      </c>
      <c r="B1" s="11"/>
      <c r="C1" s="11"/>
      <c r="D1" s="11"/>
      <c r="E1" s="11"/>
      <c r="F1" s="11"/>
      <c r="G1" s="11"/>
      <c r="H1" s="11"/>
      <c r="I1" s="11"/>
      <c r="J1" s="11"/>
      <c r="K1" s="11"/>
      <c r="L1" s="11"/>
      <c r="M1" s="11"/>
      <c r="N1" s="11"/>
      <c r="O1" s="11"/>
      <c r="P1" s="11"/>
      <c r="Q1" s="11"/>
      <c r="R1" s="11"/>
      <c r="S1" s="11"/>
      <c r="T1" s="11"/>
      <c r="U1" s="11"/>
    </row>
    <row r="2" spans="1:21" ht="25.2" thickBot="1" x14ac:dyDescent="0.55000000000000004">
      <c r="A2" s="5" t="s">
        <v>50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</row>
    <row r="3" spans="1:21" ht="18" thickTop="1" x14ac:dyDescent="0.5"/>
    <row r="4" spans="1:21" ht="21.6" x14ac:dyDescent="0.5">
      <c r="A4" s="3" t="s">
        <v>2</v>
      </c>
      <c r="B4" s="2" t="s">
        <v>1</v>
      </c>
    </row>
    <row r="5" spans="1:21" x14ac:dyDescent="0.5">
      <c r="B5" s="1" t="s">
        <v>6</v>
      </c>
    </row>
    <row r="6" spans="1:21" x14ac:dyDescent="0.5">
      <c r="B6" s="1" t="s">
        <v>7</v>
      </c>
    </row>
    <row r="8" spans="1:21" ht="21.6" x14ac:dyDescent="0.5">
      <c r="A8" s="3" t="s">
        <v>3</v>
      </c>
      <c r="B8" s="2" t="s">
        <v>5</v>
      </c>
    </row>
    <row r="9" spans="1:21" x14ac:dyDescent="0.5">
      <c r="B9" s="1" t="s">
        <v>8</v>
      </c>
    </row>
    <row r="11" spans="1:21" ht="21.6" x14ac:dyDescent="0.5">
      <c r="A11" s="3" t="s">
        <v>0</v>
      </c>
      <c r="B11" s="2" t="s">
        <v>9</v>
      </c>
    </row>
    <row r="12" spans="1:21" ht="21.6" x14ac:dyDescent="0.5">
      <c r="A12" s="3"/>
      <c r="B12" s="12" t="s">
        <v>33</v>
      </c>
      <c r="C12" s="12"/>
      <c r="D12" s="12"/>
      <c r="E12" s="12"/>
      <c r="F12" s="12"/>
      <c r="G12" s="12"/>
      <c r="H12" s="12" t="s">
        <v>34</v>
      </c>
      <c r="I12" s="12"/>
      <c r="J12" s="12"/>
      <c r="K12" s="12"/>
      <c r="L12" s="12"/>
      <c r="M12" s="12"/>
      <c r="N12" s="12"/>
      <c r="O12" s="12" t="s">
        <v>35</v>
      </c>
      <c r="P12" s="12"/>
      <c r="Q12" s="12"/>
      <c r="R12" s="12" t="s">
        <v>36</v>
      </c>
      <c r="S12" s="12"/>
      <c r="T12" s="12"/>
    </row>
    <row r="13" spans="1:21" ht="21.6" x14ac:dyDescent="0.5">
      <c r="A13" s="3"/>
      <c r="B13" s="8" t="s">
        <v>10</v>
      </c>
      <c r="C13" s="8"/>
      <c r="D13" s="8"/>
      <c r="E13" s="8"/>
      <c r="F13" s="8"/>
      <c r="G13" s="8"/>
      <c r="H13" s="6" t="s">
        <v>11</v>
      </c>
      <c r="I13" s="7"/>
      <c r="J13" s="7"/>
      <c r="K13" s="7"/>
      <c r="L13" s="7"/>
      <c r="M13" s="7"/>
      <c r="N13" s="7"/>
      <c r="O13" s="6" t="s">
        <v>12</v>
      </c>
      <c r="P13" s="7"/>
      <c r="Q13" s="7"/>
      <c r="R13" s="6" t="s">
        <v>13</v>
      </c>
      <c r="S13" s="7"/>
      <c r="T13" s="7"/>
    </row>
    <row r="14" spans="1:21" ht="21.6" x14ac:dyDescent="0.5">
      <c r="A14" s="3"/>
      <c r="B14" s="8"/>
      <c r="C14" s="8"/>
      <c r="D14" s="8"/>
      <c r="E14" s="8"/>
      <c r="F14" s="8"/>
      <c r="G14" s="8"/>
      <c r="H14" s="7"/>
      <c r="I14" s="7"/>
      <c r="J14" s="7"/>
      <c r="K14" s="7"/>
      <c r="L14" s="7"/>
      <c r="M14" s="7"/>
      <c r="N14" s="7"/>
      <c r="O14" s="7"/>
      <c r="P14" s="7"/>
      <c r="Q14" s="7"/>
      <c r="R14" s="7"/>
      <c r="S14" s="7"/>
      <c r="T14" s="7"/>
    </row>
    <row r="15" spans="1:21" ht="21.6" x14ac:dyDescent="0.5">
      <c r="A15" s="3"/>
      <c r="B15" s="8" t="s">
        <v>14</v>
      </c>
      <c r="C15" s="9"/>
      <c r="D15" s="9"/>
      <c r="E15" s="9"/>
      <c r="F15" s="9"/>
      <c r="G15" s="9"/>
      <c r="H15" s="6" t="s">
        <v>15</v>
      </c>
      <c r="I15" s="7"/>
      <c r="J15" s="7"/>
      <c r="K15" s="7"/>
      <c r="L15" s="7"/>
      <c r="M15" s="7"/>
      <c r="N15" s="7"/>
      <c r="O15" s="6" t="s">
        <v>16</v>
      </c>
      <c r="P15" s="7"/>
      <c r="Q15" s="7"/>
      <c r="R15" s="6" t="s">
        <v>17</v>
      </c>
      <c r="S15" s="7"/>
      <c r="T15" s="7"/>
    </row>
    <row r="16" spans="1:21" ht="21.6" x14ac:dyDescent="0.5">
      <c r="A16" s="3"/>
      <c r="B16" s="9"/>
      <c r="C16" s="9"/>
      <c r="D16" s="9"/>
      <c r="E16" s="9"/>
      <c r="F16" s="9"/>
      <c r="G16" s="9"/>
      <c r="H16" s="7"/>
      <c r="I16" s="7"/>
      <c r="J16" s="7"/>
      <c r="K16" s="7"/>
      <c r="L16" s="7"/>
      <c r="M16" s="7"/>
      <c r="N16" s="7"/>
      <c r="O16" s="7"/>
      <c r="P16" s="7"/>
      <c r="Q16" s="7"/>
      <c r="R16" s="7"/>
      <c r="S16" s="7"/>
      <c r="T16" s="7"/>
    </row>
    <row r="17" spans="1:20" ht="21.6" x14ac:dyDescent="0.5">
      <c r="A17" s="3"/>
      <c r="B17" s="8" t="s">
        <v>18</v>
      </c>
      <c r="C17" s="9"/>
      <c r="D17" s="9"/>
      <c r="E17" s="9"/>
      <c r="F17" s="9"/>
      <c r="G17" s="9"/>
      <c r="H17" s="6" t="s">
        <v>19</v>
      </c>
      <c r="I17" s="7"/>
      <c r="J17" s="7"/>
      <c r="K17" s="7"/>
      <c r="L17" s="7"/>
      <c r="M17" s="7"/>
      <c r="N17" s="7"/>
      <c r="O17" s="6" t="s">
        <v>20</v>
      </c>
      <c r="P17" s="7"/>
      <c r="Q17" s="7"/>
      <c r="R17" s="6" t="s">
        <v>21</v>
      </c>
      <c r="S17" s="7"/>
      <c r="T17" s="7"/>
    </row>
    <row r="18" spans="1:20" ht="21.6" x14ac:dyDescent="0.5">
      <c r="A18" s="3"/>
      <c r="B18" s="9"/>
      <c r="C18" s="9"/>
      <c r="D18" s="9"/>
      <c r="E18" s="9"/>
      <c r="F18" s="9"/>
      <c r="G18" s="9"/>
      <c r="H18" s="7"/>
      <c r="I18" s="7"/>
      <c r="J18" s="7"/>
      <c r="K18" s="7"/>
      <c r="L18" s="7"/>
      <c r="M18" s="7"/>
      <c r="N18" s="7"/>
      <c r="O18" s="7"/>
      <c r="P18" s="7"/>
      <c r="Q18" s="7"/>
      <c r="R18" s="7"/>
      <c r="S18" s="7"/>
      <c r="T18" s="7"/>
    </row>
    <row r="19" spans="1:20" ht="21.6" x14ac:dyDescent="0.5">
      <c r="A19" s="3"/>
      <c r="B19" s="8" t="s">
        <v>22</v>
      </c>
      <c r="C19" s="9"/>
      <c r="D19" s="9"/>
      <c r="E19" s="9"/>
      <c r="F19" s="9"/>
      <c r="G19" s="9"/>
      <c r="H19" s="6" t="s">
        <v>23</v>
      </c>
      <c r="I19" s="7"/>
      <c r="J19" s="7"/>
      <c r="K19" s="7"/>
      <c r="L19" s="7"/>
      <c r="M19" s="7"/>
      <c r="N19" s="7"/>
      <c r="O19" s="6" t="s">
        <v>24</v>
      </c>
      <c r="P19" s="7"/>
      <c r="Q19" s="7"/>
      <c r="R19" s="6" t="s">
        <v>25</v>
      </c>
      <c r="S19" s="7"/>
      <c r="T19" s="7"/>
    </row>
    <row r="20" spans="1:20" ht="21.6" x14ac:dyDescent="0.5">
      <c r="A20" s="3"/>
      <c r="B20" s="9"/>
      <c r="C20" s="9"/>
      <c r="D20" s="9"/>
      <c r="E20" s="9"/>
      <c r="F20" s="9"/>
      <c r="G20" s="9"/>
      <c r="H20" s="7"/>
      <c r="I20" s="7"/>
      <c r="J20" s="7"/>
      <c r="K20" s="7"/>
      <c r="L20" s="7"/>
      <c r="M20" s="7"/>
      <c r="N20" s="7"/>
      <c r="O20" s="7"/>
      <c r="P20" s="7"/>
      <c r="Q20" s="7"/>
      <c r="R20" s="7"/>
      <c r="S20" s="7"/>
      <c r="T20" s="7"/>
    </row>
    <row r="21" spans="1:20" ht="21.6" x14ac:dyDescent="0.5">
      <c r="A21" s="3"/>
      <c r="B21" s="8" t="s">
        <v>26</v>
      </c>
      <c r="C21" s="9"/>
      <c r="D21" s="9"/>
      <c r="E21" s="9"/>
      <c r="F21" s="9"/>
      <c r="G21" s="9"/>
      <c r="H21" s="6" t="s">
        <v>27</v>
      </c>
      <c r="I21" s="7"/>
      <c r="J21" s="7"/>
      <c r="K21" s="7"/>
      <c r="L21" s="7"/>
      <c r="M21" s="7"/>
      <c r="N21" s="7"/>
      <c r="O21" s="6" t="s">
        <v>28</v>
      </c>
      <c r="P21" s="7"/>
      <c r="Q21" s="7"/>
      <c r="R21" s="6" t="s">
        <v>29</v>
      </c>
      <c r="S21" s="7"/>
      <c r="T21" s="7"/>
    </row>
    <row r="22" spans="1:20" ht="21.6" x14ac:dyDescent="0.5">
      <c r="A22" s="3"/>
      <c r="B22" s="9"/>
      <c r="C22" s="9"/>
      <c r="D22" s="9"/>
      <c r="E22" s="9"/>
      <c r="F22" s="9"/>
      <c r="G22" s="9"/>
      <c r="H22" s="7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  <c r="T22" s="7"/>
    </row>
    <row r="23" spans="1:20" ht="21.6" x14ac:dyDescent="0.5">
      <c r="A23" s="3"/>
      <c r="B23" s="8" t="s">
        <v>30</v>
      </c>
      <c r="C23" s="9"/>
      <c r="D23" s="9"/>
      <c r="E23" s="9"/>
      <c r="F23" s="9"/>
      <c r="G23" s="9"/>
      <c r="H23" s="6" t="s">
        <v>31</v>
      </c>
      <c r="I23" s="7"/>
      <c r="J23" s="7"/>
      <c r="K23" s="7"/>
      <c r="L23" s="7"/>
      <c r="M23" s="7"/>
      <c r="N23" s="7"/>
      <c r="O23" s="6" t="s">
        <v>24</v>
      </c>
      <c r="P23" s="7"/>
      <c r="Q23" s="7"/>
      <c r="R23" s="6" t="s">
        <v>32</v>
      </c>
      <c r="S23" s="7"/>
      <c r="T23" s="7"/>
    </row>
    <row r="24" spans="1:20" ht="21.6" x14ac:dyDescent="0.5">
      <c r="A24" s="3"/>
      <c r="B24" s="9"/>
      <c r="C24" s="9"/>
      <c r="D24" s="9"/>
      <c r="E24" s="9"/>
      <c r="F24" s="9"/>
      <c r="G24" s="9"/>
      <c r="H24" s="7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  <c r="T24" s="7"/>
    </row>
    <row r="25" spans="1:20" ht="21.6" x14ac:dyDescent="0.5">
      <c r="A25" s="3"/>
      <c r="B25" s="2"/>
    </row>
    <row r="26" spans="1:20" ht="21.6" x14ac:dyDescent="0.5">
      <c r="A26" s="3" t="s">
        <v>43</v>
      </c>
      <c r="B26" s="2" t="s">
        <v>51</v>
      </c>
    </row>
    <row r="27" spans="1:20" ht="21.6" x14ac:dyDescent="0.5">
      <c r="A27" s="3"/>
      <c r="B27" s="1" t="s">
        <v>4</v>
      </c>
      <c r="C27" s="4" t="s">
        <v>37</v>
      </c>
    </row>
    <row r="28" spans="1:20" ht="21.6" x14ac:dyDescent="0.5">
      <c r="A28" s="3"/>
      <c r="B28" s="1" t="s">
        <v>4</v>
      </c>
      <c r="C28" s="1" t="s">
        <v>41</v>
      </c>
    </row>
    <row r="29" spans="1:20" ht="21.6" x14ac:dyDescent="0.5">
      <c r="A29" s="3"/>
      <c r="B29" s="1" t="s">
        <v>4</v>
      </c>
      <c r="C29" s="4" t="s">
        <v>38</v>
      </c>
    </row>
    <row r="30" spans="1:20" ht="21.6" x14ac:dyDescent="0.5">
      <c r="A30" s="3"/>
      <c r="B30" s="1" t="s">
        <v>4</v>
      </c>
      <c r="C30" s="4" t="s">
        <v>39</v>
      </c>
    </row>
    <row r="31" spans="1:20" ht="21.6" x14ac:dyDescent="0.5">
      <c r="A31" s="3"/>
      <c r="B31" s="1" t="s">
        <v>4</v>
      </c>
      <c r="C31" s="4" t="s">
        <v>40</v>
      </c>
    </row>
    <row r="32" spans="1:20" ht="21.6" x14ac:dyDescent="0.5">
      <c r="A32" s="3"/>
      <c r="B32" s="1" t="s">
        <v>4</v>
      </c>
      <c r="C32" s="4" t="s">
        <v>42</v>
      </c>
    </row>
  </sheetData>
  <mergeCells count="30">
    <mergeCell ref="B21:G22"/>
    <mergeCell ref="H21:N22"/>
    <mergeCell ref="O21:Q22"/>
    <mergeCell ref="R21:T22"/>
    <mergeCell ref="B23:G24"/>
    <mergeCell ref="H23:N24"/>
    <mergeCell ref="O23:Q24"/>
    <mergeCell ref="R23:T24"/>
    <mergeCell ref="B19:G20"/>
    <mergeCell ref="H19:N20"/>
    <mergeCell ref="O19:Q20"/>
    <mergeCell ref="A1:U1"/>
    <mergeCell ref="B12:G12"/>
    <mergeCell ref="H12:N12"/>
    <mergeCell ref="O12:Q12"/>
    <mergeCell ref="R12:T12"/>
    <mergeCell ref="B13:G14"/>
    <mergeCell ref="H13:N14"/>
    <mergeCell ref="O13:Q14"/>
    <mergeCell ref="R13:T14"/>
    <mergeCell ref="B15:G16"/>
    <mergeCell ref="H15:N16"/>
    <mergeCell ref="O15:Q16"/>
    <mergeCell ref="R19:T20"/>
    <mergeCell ref="A2:U2"/>
    <mergeCell ref="R15:T16"/>
    <mergeCell ref="B17:G18"/>
    <mergeCell ref="H17:N18"/>
    <mergeCell ref="O17:Q18"/>
    <mergeCell ref="R17:T18"/>
  </mergeCells>
  <phoneticPr fontId="1"/>
  <pageMargins left="0.25" right="0.25" top="0.75" bottom="0.75" header="0.3" footer="0.3"/>
  <pageSetup paperSize="9" orientation="portrait" r:id="rId1"/>
  <headerFooter>
    <oddFooter>&amp;R&amp;"メイリオ,標準"&amp;10&amp;K606060本マニュアルは、令和７年度 神奈川県「介護現場における多様な働き方導入支援事業」において作成されました。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B87B80-2751-B848-988E-03E91FDBA7F6}">
  <dimension ref="A1:U32"/>
  <sheetViews>
    <sheetView showGridLines="0" tabSelected="1" view="pageBreakPreview" zoomScaleNormal="100" workbookViewId="0">
      <selection activeCell="A2" sqref="A2:U2"/>
    </sheetView>
  </sheetViews>
  <sheetFormatPr defaultColWidth="3.7265625" defaultRowHeight="17.399999999999999" x14ac:dyDescent="0.5"/>
  <cols>
    <col min="1" max="16384" width="3.7265625" style="1"/>
  </cols>
  <sheetData>
    <row r="1" spans="1:21" ht="19.05" customHeight="1" x14ac:dyDescent="0.5">
      <c r="A1" s="10" t="s">
        <v>52</v>
      </c>
      <c r="B1" s="11"/>
      <c r="C1" s="11"/>
      <c r="D1" s="11"/>
      <c r="E1" s="11"/>
      <c r="F1" s="11"/>
      <c r="G1" s="11"/>
      <c r="H1" s="11"/>
      <c r="I1" s="11"/>
      <c r="J1" s="11"/>
      <c r="K1" s="11"/>
      <c r="L1" s="11"/>
      <c r="M1" s="11"/>
      <c r="N1" s="11"/>
      <c r="O1" s="11"/>
      <c r="P1" s="11"/>
      <c r="Q1" s="11"/>
      <c r="R1" s="11"/>
      <c r="S1" s="11"/>
      <c r="T1" s="11"/>
      <c r="U1" s="11"/>
    </row>
    <row r="2" spans="1:21" ht="25.2" thickBot="1" x14ac:dyDescent="0.55000000000000004">
      <c r="A2" s="5" t="s">
        <v>50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</row>
    <row r="3" spans="1:21" ht="18" thickTop="1" x14ac:dyDescent="0.5"/>
    <row r="4" spans="1:21" ht="21.6" x14ac:dyDescent="0.5">
      <c r="A4" s="3" t="s">
        <v>2</v>
      </c>
      <c r="B4" s="2" t="s">
        <v>1</v>
      </c>
    </row>
    <row r="8" spans="1:21" ht="21.6" x14ac:dyDescent="0.5">
      <c r="A8" s="3" t="s">
        <v>3</v>
      </c>
      <c r="B8" s="2" t="s">
        <v>5</v>
      </c>
    </row>
    <row r="11" spans="1:21" ht="21.6" x14ac:dyDescent="0.5">
      <c r="A11" s="3" t="s">
        <v>0</v>
      </c>
      <c r="B11" s="2" t="s">
        <v>9</v>
      </c>
    </row>
    <row r="12" spans="1:21" ht="21.6" x14ac:dyDescent="0.5">
      <c r="A12" s="3"/>
      <c r="B12" s="12" t="s">
        <v>33</v>
      </c>
      <c r="C12" s="12"/>
      <c r="D12" s="12"/>
      <c r="E12" s="12"/>
      <c r="F12" s="12"/>
      <c r="G12" s="12"/>
      <c r="H12" s="12" t="s">
        <v>34</v>
      </c>
      <c r="I12" s="12"/>
      <c r="J12" s="12"/>
      <c r="K12" s="12"/>
      <c r="L12" s="12"/>
      <c r="M12" s="12"/>
      <c r="N12" s="12"/>
      <c r="O12" s="12" t="s">
        <v>35</v>
      </c>
      <c r="P12" s="12"/>
      <c r="Q12" s="12"/>
      <c r="R12" s="12" t="s">
        <v>36</v>
      </c>
      <c r="S12" s="12"/>
      <c r="T12" s="12"/>
    </row>
    <row r="13" spans="1:21" ht="21.6" x14ac:dyDescent="0.5">
      <c r="A13" s="3"/>
      <c r="B13" s="8" t="s">
        <v>44</v>
      </c>
      <c r="C13" s="8"/>
      <c r="D13" s="8"/>
      <c r="E13" s="8"/>
      <c r="F13" s="8"/>
      <c r="G13" s="8"/>
      <c r="H13" s="6"/>
      <c r="I13" s="7"/>
      <c r="J13" s="7"/>
      <c r="K13" s="7"/>
      <c r="L13" s="7"/>
      <c r="M13" s="7"/>
      <c r="N13" s="7"/>
      <c r="O13" s="6"/>
      <c r="P13" s="7"/>
      <c r="Q13" s="7"/>
      <c r="R13" s="6"/>
      <c r="S13" s="7"/>
      <c r="T13" s="7"/>
    </row>
    <row r="14" spans="1:21" ht="21.6" x14ac:dyDescent="0.5">
      <c r="A14" s="3"/>
      <c r="B14" s="8"/>
      <c r="C14" s="8"/>
      <c r="D14" s="8"/>
      <c r="E14" s="8"/>
      <c r="F14" s="8"/>
      <c r="G14" s="8"/>
      <c r="H14" s="7"/>
      <c r="I14" s="7"/>
      <c r="J14" s="7"/>
      <c r="K14" s="7"/>
      <c r="L14" s="7"/>
      <c r="M14" s="7"/>
      <c r="N14" s="7"/>
      <c r="O14" s="7"/>
      <c r="P14" s="7"/>
      <c r="Q14" s="7"/>
      <c r="R14" s="7"/>
      <c r="S14" s="7"/>
      <c r="T14" s="7"/>
    </row>
    <row r="15" spans="1:21" ht="21.6" x14ac:dyDescent="0.5">
      <c r="A15" s="3"/>
      <c r="B15" s="8" t="s">
        <v>45</v>
      </c>
      <c r="C15" s="9"/>
      <c r="D15" s="9"/>
      <c r="E15" s="9"/>
      <c r="F15" s="9"/>
      <c r="G15" s="9"/>
      <c r="H15" s="6"/>
      <c r="I15" s="7"/>
      <c r="J15" s="7"/>
      <c r="K15" s="7"/>
      <c r="L15" s="7"/>
      <c r="M15" s="7"/>
      <c r="N15" s="7"/>
      <c r="O15" s="6"/>
      <c r="P15" s="7"/>
      <c r="Q15" s="7"/>
      <c r="R15" s="6"/>
      <c r="S15" s="7"/>
      <c r="T15" s="7"/>
    </row>
    <row r="16" spans="1:21" ht="21.6" x14ac:dyDescent="0.5">
      <c r="A16" s="3"/>
      <c r="B16" s="9"/>
      <c r="C16" s="9"/>
      <c r="D16" s="9"/>
      <c r="E16" s="9"/>
      <c r="F16" s="9"/>
      <c r="G16" s="9"/>
      <c r="H16" s="7"/>
      <c r="I16" s="7"/>
      <c r="J16" s="7"/>
      <c r="K16" s="7"/>
      <c r="L16" s="7"/>
      <c r="M16" s="7"/>
      <c r="N16" s="7"/>
      <c r="O16" s="7"/>
      <c r="P16" s="7"/>
      <c r="Q16" s="7"/>
      <c r="R16" s="7"/>
      <c r="S16" s="7"/>
      <c r="T16" s="7"/>
    </row>
    <row r="17" spans="1:20" ht="22.95" customHeight="1" x14ac:dyDescent="0.5">
      <c r="A17" s="3"/>
      <c r="B17" s="8" t="s">
        <v>46</v>
      </c>
      <c r="C17" s="8"/>
      <c r="D17" s="8"/>
      <c r="E17" s="8"/>
      <c r="F17" s="8"/>
      <c r="G17" s="8"/>
      <c r="H17" s="6"/>
      <c r="I17" s="7"/>
      <c r="J17" s="7"/>
      <c r="K17" s="7"/>
      <c r="L17" s="7"/>
      <c r="M17" s="7"/>
      <c r="N17" s="7"/>
      <c r="O17" s="6"/>
      <c r="P17" s="7"/>
      <c r="Q17" s="7"/>
      <c r="R17" s="6"/>
      <c r="S17" s="7"/>
      <c r="T17" s="7"/>
    </row>
    <row r="18" spans="1:20" ht="21.6" x14ac:dyDescent="0.5">
      <c r="A18" s="3"/>
      <c r="B18" s="8"/>
      <c r="C18" s="8"/>
      <c r="D18" s="8"/>
      <c r="E18" s="8"/>
      <c r="F18" s="8"/>
      <c r="G18" s="8"/>
      <c r="H18" s="7"/>
      <c r="I18" s="7"/>
      <c r="J18" s="7"/>
      <c r="K18" s="7"/>
      <c r="L18" s="7"/>
      <c r="M18" s="7"/>
      <c r="N18" s="7"/>
      <c r="O18" s="7"/>
      <c r="P18" s="7"/>
      <c r="Q18" s="7"/>
      <c r="R18" s="7"/>
      <c r="S18" s="7"/>
      <c r="T18" s="7"/>
    </row>
    <row r="19" spans="1:20" ht="22.95" customHeight="1" x14ac:dyDescent="0.5">
      <c r="A19" s="3"/>
      <c r="B19" s="8" t="s">
        <v>47</v>
      </c>
      <c r="C19" s="9"/>
      <c r="D19" s="9"/>
      <c r="E19" s="9"/>
      <c r="F19" s="9"/>
      <c r="G19" s="9"/>
      <c r="H19" s="6"/>
      <c r="I19" s="7"/>
      <c r="J19" s="7"/>
      <c r="K19" s="7"/>
      <c r="L19" s="7"/>
      <c r="M19" s="7"/>
      <c r="N19" s="7"/>
      <c r="O19" s="6"/>
      <c r="P19" s="7"/>
      <c r="Q19" s="7"/>
      <c r="R19" s="6"/>
      <c r="S19" s="7"/>
      <c r="T19" s="7"/>
    </row>
    <row r="20" spans="1:20" ht="21.6" x14ac:dyDescent="0.5">
      <c r="A20" s="3"/>
      <c r="B20" s="9"/>
      <c r="C20" s="9"/>
      <c r="D20" s="9"/>
      <c r="E20" s="9"/>
      <c r="F20" s="9"/>
      <c r="G20" s="9"/>
      <c r="H20" s="7"/>
      <c r="I20" s="7"/>
      <c r="J20" s="7"/>
      <c r="K20" s="7"/>
      <c r="L20" s="7"/>
      <c r="M20" s="7"/>
      <c r="N20" s="7"/>
      <c r="O20" s="7"/>
      <c r="P20" s="7"/>
      <c r="Q20" s="7"/>
      <c r="R20" s="7"/>
      <c r="S20" s="7"/>
      <c r="T20" s="7"/>
    </row>
    <row r="21" spans="1:20" ht="22.95" customHeight="1" x14ac:dyDescent="0.5">
      <c r="A21" s="3"/>
      <c r="B21" s="8" t="s">
        <v>48</v>
      </c>
      <c r="C21" s="8"/>
      <c r="D21" s="8"/>
      <c r="E21" s="8"/>
      <c r="F21" s="8"/>
      <c r="G21" s="8"/>
      <c r="H21" s="6"/>
      <c r="I21" s="7"/>
      <c r="J21" s="7"/>
      <c r="K21" s="7"/>
      <c r="L21" s="7"/>
      <c r="M21" s="7"/>
      <c r="N21" s="7"/>
      <c r="O21" s="6"/>
      <c r="P21" s="7"/>
      <c r="Q21" s="7"/>
      <c r="R21" s="6"/>
      <c r="S21" s="7"/>
      <c r="T21" s="7"/>
    </row>
    <row r="22" spans="1:20" ht="21.6" x14ac:dyDescent="0.5">
      <c r="A22" s="3"/>
      <c r="B22" s="8"/>
      <c r="C22" s="8"/>
      <c r="D22" s="8"/>
      <c r="E22" s="8"/>
      <c r="F22" s="8"/>
      <c r="G22" s="8"/>
      <c r="H22" s="7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  <c r="T22" s="7"/>
    </row>
    <row r="23" spans="1:20" ht="22.95" customHeight="1" x14ac:dyDescent="0.5">
      <c r="A23" s="3"/>
      <c r="B23" s="8" t="s">
        <v>49</v>
      </c>
      <c r="C23" s="9"/>
      <c r="D23" s="9"/>
      <c r="E23" s="9"/>
      <c r="F23" s="9"/>
      <c r="G23" s="9"/>
      <c r="H23" s="6"/>
      <c r="I23" s="7"/>
      <c r="J23" s="7"/>
      <c r="K23" s="7"/>
      <c r="L23" s="7"/>
      <c r="M23" s="7"/>
      <c r="N23" s="7"/>
      <c r="O23" s="6"/>
      <c r="P23" s="7"/>
      <c r="Q23" s="7"/>
      <c r="R23" s="6"/>
      <c r="S23" s="7"/>
      <c r="T23" s="7"/>
    </row>
    <row r="24" spans="1:20" ht="21.6" x14ac:dyDescent="0.5">
      <c r="A24" s="3"/>
      <c r="B24" s="9"/>
      <c r="C24" s="9"/>
      <c r="D24" s="9"/>
      <c r="E24" s="9"/>
      <c r="F24" s="9"/>
      <c r="G24" s="9"/>
      <c r="H24" s="7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  <c r="T24" s="7"/>
    </row>
    <row r="25" spans="1:20" ht="21.6" x14ac:dyDescent="0.5">
      <c r="A25" s="3"/>
      <c r="B25" s="2"/>
    </row>
    <row r="26" spans="1:20" ht="21.6" x14ac:dyDescent="0.5">
      <c r="A26" s="3" t="s">
        <v>43</v>
      </c>
      <c r="B26" s="2" t="s">
        <v>51</v>
      </c>
    </row>
    <row r="27" spans="1:20" ht="21.6" x14ac:dyDescent="0.5">
      <c r="A27" s="3"/>
      <c r="B27" s="1" t="s">
        <v>4</v>
      </c>
      <c r="C27" s="4"/>
    </row>
    <row r="28" spans="1:20" ht="21.6" x14ac:dyDescent="0.5">
      <c r="A28" s="3"/>
      <c r="B28" s="1" t="s">
        <v>4</v>
      </c>
    </row>
    <row r="29" spans="1:20" ht="21.6" x14ac:dyDescent="0.5">
      <c r="A29" s="3"/>
      <c r="B29" s="1" t="s">
        <v>4</v>
      </c>
      <c r="C29" s="4"/>
    </row>
    <row r="30" spans="1:20" ht="21.6" x14ac:dyDescent="0.5">
      <c r="A30" s="3"/>
      <c r="B30" s="1" t="s">
        <v>4</v>
      </c>
      <c r="C30" s="4"/>
    </row>
    <row r="31" spans="1:20" ht="21.6" x14ac:dyDescent="0.5">
      <c r="A31" s="3"/>
      <c r="B31" s="1" t="s">
        <v>4</v>
      </c>
      <c r="C31" s="4"/>
    </row>
    <row r="32" spans="1:20" ht="21.6" x14ac:dyDescent="0.5">
      <c r="A32" s="3"/>
      <c r="B32" s="1" t="s">
        <v>4</v>
      </c>
      <c r="C32" s="4"/>
    </row>
  </sheetData>
  <mergeCells count="30">
    <mergeCell ref="B21:G22"/>
    <mergeCell ref="H21:N22"/>
    <mergeCell ref="O21:Q22"/>
    <mergeCell ref="R21:T22"/>
    <mergeCell ref="B23:G24"/>
    <mergeCell ref="H23:N24"/>
    <mergeCell ref="O23:Q24"/>
    <mergeCell ref="R23:T24"/>
    <mergeCell ref="B17:G18"/>
    <mergeCell ref="H17:N18"/>
    <mergeCell ref="O17:Q18"/>
    <mergeCell ref="R17:T18"/>
    <mergeCell ref="B19:G20"/>
    <mergeCell ref="H19:N20"/>
    <mergeCell ref="O19:Q20"/>
    <mergeCell ref="R19:T20"/>
    <mergeCell ref="B13:G14"/>
    <mergeCell ref="H13:N14"/>
    <mergeCell ref="O13:Q14"/>
    <mergeCell ref="R13:T14"/>
    <mergeCell ref="B15:G16"/>
    <mergeCell ref="H15:N16"/>
    <mergeCell ref="O15:Q16"/>
    <mergeCell ref="R15:T16"/>
    <mergeCell ref="A1:U1"/>
    <mergeCell ref="A2:U2"/>
    <mergeCell ref="B12:G12"/>
    <mergeCell ref="H12:N12"/>
    <mergeCell ref="O12:Q12"/>
    <mergeCell ref="R12:T12"/>
  </mergeCells>
  <phoneticPr fontId="1"/>
  <pageMargins left="0.25" right="0.25" top="0.75" bottom="0.75" header="0.3" footer="0.3"/>
  <pageSetup paperSize="9" orientation="portrait" r:id="rId1"/>
  <headerFooter>
    <oddFooter>&amp;R&amp;"メイリオ,標準"&amp;10&amp;K606060本マニュアルは、令和７年度 神奈川県「介護現場における多様な働き方導入支援事業」において作成されました。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【記入例】会議の種類</vt:lpstr>
      <vt:lpstr>【ご自由にご使用ください】会議の種類 </vt:lpstr>
      <vt:lpstr>'【ご自由にご使用ください】会議の種類 '!Print_Area</vt:lpstr>
      <vt:lpstr>【記入例】会議の種類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u.finewave@gmail.com</dc:creator>
  <cp:lastModifiedBy>user</cp:lastModifiedBy>
  <dcterms:created xsi:type="dcterms:W3CDTF">2025-05-29T05:42:32Z</dcterms:created>
  <dcterms:modified xsi:type="dcterms:W3CDTF">2025-11-10T08:41:58Z</dcterms:modified>
</cp:coreProperties>
</file>